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3"/>
  </p:notesMasterIdLst>
  <p:sldIdLst>
    <p:sldId id="935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FC857A-C203-4C74-8826-5B37F8EB4432}" v="425" dt="2019-10-18T13:11:21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91" d="100"/>
          <a:sy n="91" d="100"/>
        </p:scale>
        <p:origin x="528" y="77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06-Oct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78246" y="334401"/>
            <a:ext cx="6557632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b="1" dirty="0">
                <a:solidFill>
                  <a:schemeClr val="accen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CIPE BIOINFORMATICS </a:t>
            </a:r>
          </a:p>
          <a:p>
            <a:r>
              <a:rPr lang="en-GB" sz="4000" b="1" dirty="0">
                <a:solidFill>
                  <a:schemeClr val="accen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TERNSHIP ROADMAP</a:t>
            </a:r>
            <a:endParaRPr lang="en-US" sz="4000" b="1" dirty="0">
              <a:solidFill>
                <a:schemeClr val="accent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8" name="OTLSHAPE_SL_e58de985a1f94ce891a7d7f68256a1d8_BackgroundRectangle">
            <a:extLst>
              <a:ext uri="{FF2B5EF4-FFF2-40B4-BE49-F238E27FC236}">
                <a16:creationId xmlns:a16="http://schemas.microsoft.com/office/drawing/2014/main" id="{A8F06FE2-4A47-4DA3-9ED0-29B02771C4A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41819" y="2867036"/>
            <a:ext cx="9479846" cy="647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SL_3606b5e88a994af98a358d60bfeb4609_BackgroundRectangle">
            <a:extLst>
              <a:ext uri="{FF2B5EF4-FFF2-40B4-BE49-F238E27FC236}">
                <a16:creationId xmlns:a16="http://schemas.microsoft.com/office/drawing/2014/main" id="{3FEE9905-D417-4441-8E8B-43FCDDAF553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402949" y="5109344"/>
            <a:ext cx="9513666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_d5508fb03cbb4dbfa7c34736ccf04adc_BackgroundRectangle">
            <a:extLst>
              <a:ext uri="{FF2B5EF4-FFF2-40B4-BE49-F238E27FC236}">
                <a16:creationId xmlns:a16="http://schemas.microsoft.com/office/drawing/2014/main" id="{89C65153-D077-4032-BA3C-93E159622F5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69130" y="3629755"/>
            <a:ext cx="9547485" cy="148805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TB_00000000000000000000000000000000_ScaleContainer">
            <a:extLst>
              <a:ext uri="{FF2B5EF4-FFF2-40B4-BE49-F238E27FC236}">
                <a16:creationId xmlns:a16="http://schemas.microsoft.com/office/drawing/2014/main" id="{B69F9227-C1D1-4302-ACA3-1FEB6E829E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580771" y="2292022"/>
            <a:ext cx="8338370" cy="38100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_e58de985a1f94ce891a7d7f68256a1d8_HeaderRectangle">
            <a:extLst>
              <a:ext uri="{FF2B5EF4-FFF2-40B4-BE49-F238E27FC236}">
                <a16:creationId xmlns:a16="http://schemas.microsoft.com/office/drawing/2014/main" id="{E6223922-F6FA-4BE9-B67F-DDAA61760EC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39295" y="2876222"/>
            <a:ext cx="1181100" cy="647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SL_d5508fb03cbb4dbfa7c34736ccf04adc_HeaderRectangle">
            <a:extLst>
              <a:ext uri="{FF2B5EF4-FFF2-40B4-BE49-F238E27FC236}">
                <a16:creationId xmlns:a16="http://schemas.microsoft.com/office/drawing/2014/main" id="{62F1CACC-E62A-429D-83AF-B7E27972E9A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39295" y="3587422"/>
            <a:ext cx="1181100" cy="1488059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_3606b5e88a994af98a358d60bfeb4609_HeaderRectangle">
            <a:extLst>
              <a:ext uri="{FF2B5EF4-FFF2-40B4-BE49-F238E27FC236}">
                <a16:creationId xmlns:a16="http://schemas.microsoft.com/office/drawing/2014/main" id="{FD11DAE4-7E7F-41CB-812C-69891F949AF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39295" y="5138981"/>
            <a:ext cx="1181100" cy="61878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1" name="OTLSHAPE_G_00000000000000000000000000000000_ShapeBelow0">
            <a:extLst>
              <a:ext uri="{FF2B5EF4-FFF2-40B4-BE49-F238E27FC236}">
                <a16:creationId xmlns:a16="http://schemas.microsoft.com/office/drawing/2014/main" id="{63AB4038-055B-47A7-933A-0FA0BAC8159D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4755691" y="2673022"/>
            <a:ext cx="42812" cy="30902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1">
            <a:extLst>
              <a:ext uri="{FF2B5EF4-FFF2-40B4-BE49-F238E27FC236}">
                <a16:creationId xmlns:a16="http://schemas.microsoft.com/office/drawing/2014/main" id="{5FD6A6C7-736E-4816-88EC-F4C7C23EF910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6832506" y="2673022"/>
            <a:ext cx="0" cy="303218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2">
            <a:extLst>
              <a:ext uri="{FF2B5EF4-FFF2-40B4-BE49-F238E27FC236}">
                <a16:creationId xmlns:a16="http://schemas.microsoft.com/office/drawing/2014/main" id="{C794A56C-4CA5-4EC1-8C74-9407CCCC91F2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8909320" y="2673022"/>
            <a:ext cx="0" cy="3084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3">
            <a:extLst>
              <a:ext uri="{FF2B5EF4-FFF2-40B4-BE49-F238E27FC236}">
                <a16:creationId xmlns:a16="http://schemas.microsoft.com/office/drawing/2014/main" id="{26B73F75-15E8-4C44-A673-5C0CC660F244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10919141" y="2673022"/>
            <a:ext cx="0" cy="30466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SLT_407b0b1619aa4ace81dd48f316b996d0_Shape">
            <a:extLst>
              <a:ext uri="{FF2B5EF4-FFF2-40B4-BE49-F238E27FC236}">
                <a16:creationId xmlns:a16="http://schemas.microsoft.com/office/drawing/2014/main" id="{7E0EDFCC-98E4-4ACE-BFAF-6B1EEBBCAD9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642862" y="2927244"/>
            <a:ext cx="1685831" cy="166180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T_9e5b448da3774903a5f7e566959fe7ff_Shape">
            <a:extLst>
              <a:ext uri="{FF2B5EF4-FFF2-40B4-BE49-F238E27FC236}">
                <a16:creationId xmlns:a16="http://schemas.microsoft.com/office/drawing/2014/main" id="{1EEBCDD1-2A1E-4DB3-BE05-7E780DD977E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165505" y="5138981"/>
            <a:ext cx="1556940" cy="25296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7" name="OTLSHAPE_TB_00000000000000000000000000000000_ElapsedTime">
            <a:extLst>
              <a:ext uri="{FF2B5EF4-FFF2-40B4-BE49-F238E27FC236}">
                <a16:creationId xmlns:a16="http://schemas.microsoft.com/office/drawing/2014/main" id="{68071359-594E-42D7-A5F1-66B482A0CF9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580771" y="2292022"/>
            <a:ext cx="968753" cy="381000"/>
          </a:xfrm>
          <a:prstGeom prst="roundRect">
            <a:avLst>
              <a:gd name="adj" fmla="val 10000000"/>
            </a:avLst>
          </a:prstGeom>
          <a:solidFill>
            <a:schemeClr val="accent6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M_56f1942fba4a4dcd8143de92f05e9e00_Shape">
            <a:extLst>
              <a:ext uri="{FF2B5EF4-FFF2-40B4-BE49-F238E27FC236}">
                <a16:creationId xmlns:a16="http://schemas.microsoft.com/office/drawing/2014/main" id="{26FFB608-463B-4DC5-8207-159D46D5834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641345" y="3850608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SLM_a3d0443e30f54dbbb5160b5ee41ae578_Shape">
            <a:extLst>
              <a:ext uri="{FF2B5EF4-FFF2-40B4-BE49-F238E27FC236}">
                <a16:creationId xmlns:a16="http://schemas.microsoft.com/office/drawing/2014/main" id="{0BD5D26C-A123-42E6-A48F-2837C704C0B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688018" y="5324633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SLM_7700f8c6c8ab4a85b66e6983677792e5_Shape">
            <a:extLst>
              <a:ext uri="{FF2B5EF4-FFF2-40B4-BE49-F238E27FC236}">
                <a16:creationId xmlns:a16="http://schemas.microsoft.com/office/drawing/2014/main" id="{2D13A5F7-429D-4600-B86E-D4CB93C19C4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83190" y="3850608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M_5bbb0dba518c4bb78d431b0d54fae1ed_Shape">
            <a:extLst>
              <a:ext uri="{FF2B5EF4-FFF2-40B4-BE49-F238E27FC236}">
                <a16:creationId xmlns:a16="http://schemas.microsoft.com/office/drawing/2014/main" id="{08BEC914-B023-4F37-8C0C-155982C4863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60004" y="3850608"/>
            <a:ext cx="228600" cy="2540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SL_e58de985a1f94ce891a7d7f68256a1d8_Header">
            <a:extLst>
              <a:ext uri="{FF2B5EF4-FFF2-40B4-BE49-F238E27FC236}">
                <a16:creationId xmlns:a16="http://schemas.microsoft.com/office/drawing/2014/main" id="{505E61B5-AB51-491A-B951-DC2053B3856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439295" y="2954496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159" name="OTLSHAPE_SL_d5508fb03cbb4dbfa7c34736ccf04adc_Header">
            <a:extLst>
              <a:ext uri="{FF2B5EF4-FFF2-40B4-BE49-F238E27FC236}">
                <a16:creationId xmlns:a16="http://schemas.microsoft.com/office/drawing/2014/main" id="{8E9A5C28-2D23-4120-A7D9-B3ABCDFBD16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439295" y="4208664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Journal Club presentation</a:t>
            </a:r>
          </a:p>
        </p:txBody>
      </p:sp>
      <p:sp>
        <p:nvSpPr>
          <p:cNvPr id="160" name="OTLSHAPE_SL_3606b5e88a994af98a358d60bfeb4609_Header">
            <a:extLst>
              <a:ext uri="{FF2B5EF4-FFF2-40B4-BE49-F238E27FC236}">
                <a16:creationId xmlns:a16="http://schemas.microsoft.com/office/drawing/2014/main" id="{2B81E9BA-3C28-4C2D-A9AB-5E354F94A70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439295" y="520279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Research Project</a:t>
            </a:r>
          </a:p>
        </p:txBody>
      </p:sp>
      <p:sp>
        <p:nvSpPr>
          <p:cNvPr id="165" name="OTLSHAPE_TB_00000000000000000000000000000000_TodayMarkerShape">
            <a:extLst>
              <a:ext uri="{FF2B5EF4-FFF2-40B4-BE49-F238E27FC236}">
                <a16:creationId xmlns:a16="http://schemas.microsoft.com/office/drawing/2014/main" id="{D83E3BED-7CC7-43A5-BAE3-11052CC5F57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flipV="1">
            <a:off x="2770676" y="214034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TB_00000000000000000000000000000000_TodayMarkerText">
            <a:extLst>
              <a:ext uri="{FF2B5EF4-FFF2-40B4-BE49-F238E27FC236}">
                <a16:creationId xmlns:a16="http://schemas.microsoft.com/office/drawing/2014/main" id="{0912692B-5FFC-4B0E-B7C6-0CBC3B02965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657860" y="1914763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168" name="OTLSHAPE_TB_00000000000000000000000000000000_TimescaleInterval1">
            <a:extLst>
              <a:ext uri="{FF2B5EF4-FFF2-40B4-BE49-F238E27FC236}">
                <a16:creationId xmlns:a16="http://schemas.microsoft.com/office/drawing/2014/main" id="{594975D3-941B-46E8-A11B-D6AD76D751A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809371" y="2355522"/>
            <a:ext cx="408766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October</a:t>
            </a:r>
          </a:p>
        </p:txBody>
      </p:sp>
      <p:sp>
        <p:nvSpPr>
          <p:cNvPr id="169" name="OTLSHAPE_TB_00000000000000000000000000000000_TimescaleInterval2">
            <a:extLst>
              <a:ext uri="{FF2B5EF4-FFF2-40B4-BE49-F238E27FC236}">
                <a16:creationId xmlns:a16="http://schemas.microsoft.com/office/drawing/2014/main" id="{559FC6B0-5896-466F-9E09-1EDBF62B4BE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819192" y="2355522"/>
            <a:ext cx="34631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vember</a:t>
            </a:r>
          </a:p>
        </p:txBody>
      </p:sp>
      <p:sp>
        <p:nvSpPr>
          <p:cNvPr id="171" name="OTLSHAPE_TB_00000000000000000000000000000000_TimescaleInterval3">
            <a:extLst>
              <a:ext uri="{FF2B5EF4-FFF2-40B4-BE49-F238E27FC236}">
                <a16:creationId xmlns:a16="http://schemas.microsoft.com/office/drawing/2014/main" id="{652D711D-DDF7-421C-BA0A-EC893044296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896007" y="2355522"/>
            <a:ext cx="55239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ecember</a:t>
            </a:r>
          </a:p>
        </p:txBody>
      </p:sp>
      <p:sp>
        <p:nvSpPr>
          <p:cNvPr id="172" name="OTLSHAPE_TB_00000000000000000000000000000000_TimescaleInterval4">
            <a:extLst>
              <a:ext uri="{FF2B5EF4-FFF2-40B4-BE49-F238E27FC236}">
                <a16:creationId xmlns:a16="http://schemas.microsoft.com/office/drawing/2014/main" id="{884F06E7-8DCF-495F-A69B-FEA3635E7CF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972821" y="2355522"/>
            <a:ext cx="863057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anuary</a:t>
            </a:r>
          </a:p>
        </p:txBody>
      </p:sp>
      <p:sp>
        <p:nvSpPr>
          <p:cNvPr id="175" name="OTLSHAPE_SLT_407b0b1619aa4ace81dd48f316b996d0_Title">
            <a:extLst>
              <a:ext uri="{FF2B5EF4-FFF2-40B4-BE49-F238E27FC236}">
                <a16:creationId xmlns:a16="http://schemas.microsoft.com/office/drawing/2014/main" id="{A3A27E10-284A-47BD-ACF7-FE86385A4CA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835238" y="2927244"/>
            <a:ext cx="1347995" cy="1920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Git, </a:t>
            </a:r>
            <a:r>
              <a:rPr lang="en-US" sz="1000" spc="-18" dirty="0" err="1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Github</a:t>
            </a: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 &amp; Slack</a:t>
            </a:r>
          </a:p>
        </p:txBody>
      </p:sp>
      <p:sp>
        <p:nvSpPr>
          <p:cNvPr id="181" name="OTLSHAPE_SLM_56f1942fba4a4dcd8143de92f05e9e00_Title">
            <a:extLst>
              <a:ext uri="{FF2B5EF4-FFF2-40B4-BE49-F238E27FC236}">
                <a16:creationId xmlns:a16="http://schemas.microsoft.com/office/drawing/2014/main" id="{4CC5ED17-0518-40D4-A8B0-EB2E15136AE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201819" y="3653426"/>
            <a:ext cx="111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spc="-20" dirty="0">
                <a:solidFill>
                  <a:schemeClr val="dk1"/>
                </a:solidFill>
                <a:latin typeface="MV Boli" panose="02000500030200090000" pitchFamily="2" charset="0"/>
              </a:rPr>
              <a:t>1</a:t>
            </a:r>
            <a:r>
              <a:rPr lang="en-US" sz="1100" spc="-20" baseline="30000" dirty="0">
                <a:solidFill>
                  <a:schemeClr val="dk1"/>
                </a:solidFill>
                <a:latin typeface="MV Boli" panose="02000500030200090000" pitchFamily="2" charset="0"/>
              </a:rPr>
              <a:t>st</a:t>
            </a:r>
            <a:r>
              <a:rPr lang="en-US" sz="1100" spc="-20" dirty="0">
                <a:solidFill>
                  <a:schemeClr val="dk1"/>
                </a:solidFill>
                <a:latin typeface="MV Boli" panose="02000500030200090000" pitchFamily="2" charset="0"/>
              </a:rPr>
              <a:t> </a:t>
            </a: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Presentation</a:t>
            </a:r>
          </a:p>
        </p:txBody>
      </p:sp>
      <p:sp>
        <p:nvSpPr>
          <p:cNvPr id="187" name="OTLSHAPE_SLM_a3d0443e30f54dbbb5160b5ee41ae578_Title">
            <a:extLst>
              <a:ext uri="{FF2B5EF4-FFF2-40B4-BE49-F238E27FC236}">
                <a16:creationId xmlns:a16="http://schemas.microsoft.com/office/drawing/2014/main" id="{3BC5962D-BBA1-48CC-B7E3-3FC3B161C0F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755054" y="5143801"/>
            <a:ext cx="131793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Final presentation</a:t>
            </a:r>
          </a:p>
        </p:txBody>
      </p:sp>
      <p:sp>
        <p:nvSpPr>
          <p:cNvPr id="202" name="OTLSHAPE_SLM_7700f8c6c8ab4a85b66e6983677792e5_Title">
            <a:extLst>
              <a:ext uri="{FF2B5EF4-FFF2-40B4-BE49-F238E27FC236}">
                <a16:creationId xmlns:a16="http://schemas.microsoft.com/office/drawing/2014/main" id="{59776CA9-682A-445A-8934-CBA41343BB1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943664" y="3653426"/>
            <a:ext cx="111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2</a:t>
            </a:r>
            <a:r>
              <a:rPr kumimoji="0" lang="en-US" sz="1100" b="0" i="0" u="none" strike="noStrike" kern="1200" cap="none" spc="-20" normalizeH="0" baseline="3000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d</a:t>
            </a: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 Presentation</a:t>
            </a:r>
          </a:p>
        </p:txBody>
      </p:sp>
      <p:sp>
        <p:nvSpPr>
          <p:cNvPr id="205" name="OTLSHAPE_SLT_9e5b448da3774903a5f7e566959fe7ff_Title">
            <a:extLst>
              <a:ext uri="{FF2B5EF4-FFF2-40B4-BE49-F238E27FC236}">
                <a16:creationId xmlns:a16="http://schemas.microsoft.com/office/drawing/2014/main" id="{36BC16CA-535B-488A-AB1A-8B16084C600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463472" y="5152676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tart project</a:t>
            </a:r>
          </a:p>
        </p:txBody>
      </p:sp>
      <p:sp>
        <p:nvSpPr>
          <p:cNvPr id="210" name="OTLSHAPE_SLM_5bbb0dba518c4bb78d431b0d54fae1ed_Title">
            <a:extLst>
              <a:ext uri="{FF2B5EF4-FFF2-40B4-BE49-F238E27FC236}">
                <a16:creationId xmlns:a16="http://schemas.microsoft.com/office/drawing/2014/main" id="{7B7A3DB0-3732-4975-8EB5-15A60393D1A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020479" y="3653426"/>
            <a:ext cx="111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3</a:t>
            </a:r>
            <a:r>
              <a:rPr kumimoji="0" lang="en-US" sz="1100" b="0" i="0" u="none" strike="noStrike" kern="1200" cap="none" spc="-20" normalizeH="0" baseline="3000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d</a:t>
            </a: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 Presentation</a:t>
            </a:r>
          </a:p>
        </p:txBody>
      </p:sp>
      <p:cxnSp>
        <p:nvCxnSpPr>
          <p:cNvPr id="211" name="OTLSHAPE_TB_00000000000000000000000000000000_Separator1">
            <a:extLst>
              <a:ext uri="{FF2B5EF4-FFF2-40B4-BE49-F238E27FC236}">
                <a16:creationId xmlns:a16="http://schemas.microsoft.com/office/drawing/2014/main" id="{3357C7B8-7435-45BC-8D68-BE1EC8E73E7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755691" y="235552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B_00000000000000000000000000000000_Separator2">
            <a:extLst>
              <a:ext uri="{FF2B5EF4-FFF2-40B4-BE49-F238E27FC236}">
                <a16:creationId xmlns:a16="http://schemas.microsoft.com/office/drawing/2014/main" id="{59574499-D857-437F-993E-CFDD6045CBA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832506" y="235552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Separator3">
            <a:extLst>
              <a:ext uri="{FF2B5EF4-FFF2-40B4-BE49-F238E27FC236}">
                <a16:creationId xmlns:a16="http://schemas.microsoft.com/office/drawing/2014/main" id="{2F9DADD8-7BDC-4074-B7C4-65621E740CF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909320" y="235552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B_00000000000000000000000000000000_Separator4">
            <a:extLst>
              <a:ext uri="{FF2B5EF4-FFF2-40B4-BE49-F238E27FC236}">
                <a16:creationId xmlns:a16="http://schemas.microsoft.com/office/drawing/2014/main" id="{A49D7F63-69B0-4A81-B581-3360A2ECD80F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919141" y="235552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7" name="OTLSHAPE_SLT_407b0b1619aa4ace81dd48f316b996d0_Shape">
            <a:extLst>
              <a:ext uri="{FF2B5EF4-FFF2-40B4-BE49-F238E27FC236}">
                <a16:creationId xmlns:a16="http://schemas.microsoft.com/office/drawing/2014/main" id="{CF10DAF3-0E23-422F-817E-1779AED0848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897698" y="3195289"/>
            <a:ext cx="1685831" cy="166180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T_407b0b1619aa4ace81dd48f316b996d0_Title">
            <a:extLst>
              <a:ext uri="{FF2B5EF4-FFF2-40B4-BE49-F238E27FC236}">
                <a16:creationId xmlns:a16="http://schemas.microsoft.com/office/drawing/2014/main" id="{DB971E25-731B-47A9-98C2-44713E72AC0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164545" y="3190669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Genomics</a:t>
            </a:r>
          </a:p>
        </p:txBody>
      </p:sp>
      <p:sp>
        <p:nvSpPr>
          <p:cNvPr id="220" name="OTLSHAPE_SLT_407b0b1619aa4ace81dd48f316b996d0_Shape">
            <a:extLst>
              <a:ext uri="{FF2B5EF4-FFF2-40B4-BE49-F238E27FC236}">
                <a16:creationId xmlns:a16="http://schemas.microsoft.com/office/drawing/2014/main" id="{91F122B1-88DF-4CC4-85C4-30F16885517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797505" y="2953099"/>
            <a:ext cx="1685831" cy="166180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407b0b1619aa4ace81dd48f316b996d0_Title">
            <a:extLst>
              <a:ext uri="{FF2B5EF4-FFF2-40B4-BE49-F238E27FC236}">
                <a16:creationId xmlns:a16="http://schemas.microsoft.com/office/drawing/2014/main" id="{E2BD49EE-2BB6-4F96-8556-8F5B1316893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025232" y="2950264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Open Science</a:t>
            </a:r>
          </a:p>
        </p:txBody>
      </p:sp>
      <p:sp>
        <p:nvSpPr>
          <p:cNvPr id="223" name="OTLSHAPE_SLT_407b0b1619aa4ace81dd48f316b996d0_Shape">
            <a:extLst>
              <a:ext uri="{FF2B5EF4-FFF2-40B4-BE49-F238E27FC236}">
                <a16:creationId xmlns:a16="http://schemas.microsoft.com/office/drawing/2014/main" id="{EE5A22A0-11C5-48B2-A2E5-7C1408B828C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27828" y="3213809"/>
            <a:ext cx="1685831" cy="166180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" name="OTLSHAPE_SLT_407b0b1619aa4ace81dd48f316b996d0_Title">
            <a:extLst>
              <a:ext uri="{FF2B5EF4-FFF2-40B4-BE49-F238E27FC236}">
                <a16:creationId xmlns:a16="http://schemas.microsoft.com/office/drawing/2014/main" id="{130FE20F-E40D-4290-AEC5-821179E9B53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396138" y="3201205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Mini Project</a:t>
            </a:r>
          </a:p>
        </p:txBody>
      </p:sp>
      <p:sp>
        <p:nvSpPr>
          <p:cNvPr id="242" name="OTLSHAPE_SLT_9e5b448da3774903a5f7e566959fe7ff_Shape">
            <a:extLst>
              <a:ext uri="{FF2B5EF4-FFF2-40B4-BE49-F238E27FC236}">
                <a16:creationId xmlns:a16="http://schemas.microsoft.com/office/drawing/2014/main" id="{A86C1F74-6B21-4E6B-A646-7EAEB210565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961983" y="5138981"/>
            <a:ext cx="948764" cy="38174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3" name="OTLSHAPE_SLT_9e5b448da3774903a5f7e566959fe7ff_Title">
            <a:extLst>
              <a:ext uri="{FF2B5EF4-FFF2-40B4-BE49-F238E27FC236}">
                <a16:creationId xmlns:a16="http://schemas.microsoft.com/office/drawing/2014/main" id="{EF570119-6D37-44CD-A05D-ED440E26BEE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963080" y="5192233"/>
            <a:ext cx="913667" cy="2328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1</a:t>
            </a:r>
            <a:r>
              <a:rPr kumimoji="0" lang="en-US" sz="1000" b="0" i="0" u="none" strike="noStrike" kern="1200" cap="none" spc="-20" normalizeH="0" baseline="3000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t</a:t>
            </a: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 Progress presentation</a:t>
            </a:r>
          </a:p>
        </p:txBody>
      </p:sp>
      <p:sp>
        <p:nvSpPr>
          <p:cNvPr id="244" name="OTLSHAPE_SLT_9e5b448da3774903a5f7e566959fe7ff_Shape">
            <a:extLst>
              <a:ext uri="{FF2B5EF4-FFF2-40B4-BE49-F238E27FC236}">
                <a16:creationId xmlns:a16="http://schemas.microsoft.com/office/drawing/2014/main" id="{D892F102-2351-4B97-8316-83A1C7D318A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672380" y="5122203"/>
            <a:ext cx="948764" cy="38174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T_9e5b448da3774903a5f7e566959fe7ff_Title">
            <a:extLst>
              <a:ext uri="{FF2B5EF4-FFF2-40B4-BE49-F238E27FC236}">
                <a16:creationId xmlns:a16="http://schemas.microsoft.com/office/drawing/2014/main" id="{688ECB04-98C2-4317-84EE-3DC2AE9442F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673477" y="5175455"/>
            <a:ext cx="913667" cy="2328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20" dirty="0">
                <a:solidFill>
                  <a:schemeClr val="lt1"/>
                </a:solidFill>
                <a:latin typeface="MV Boli" panose="02000500030200090000" pitchFamily="2" charset="0"/>
              </a:rPr>
              <a:t>2</a:t>
            </a:r>
            <a:r>
              <a:rPr lang="en-US" sz="1000" spc="-20" baseline="30000" dirty="0">
                <a:solidFill>
                  <a:schemeClr val="lt1"/>
                </a:solidFill>
                <a:latin typeface="MV Boli" panose="02000500030200090000" pitchFamily="2" charset="0"/>
              </a:rPr>
              <a:t>nd</a:t>
            </a:r>
            <a:r>
              <a:rPr lang="en-US" sz="1000" spc="-20" dirty="0">
                <a:solidFill>
                  <a:schemeClr val="lt1"/>
                </a:solidFill>
                <a:latin typeface="MV Boli" panose="02000500030200090000" pitchFamily="2" charset="0"/>
              </a:rPr>
              <a:t> </a:t>
            </a: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Progress presentation</a:t>
            </a:r>
          </a:p>
        </p:txBody>
      </p:sp>
      <p:sp>
        <p:nvSpPr>
          <p:cNvPr id="50" name="OTLSHAPE_SLT_407b0b1619aa4ace81dd48f316b996d0_Shape">
            <a:extLst>
              <a:ext uri="{FF2B5EF4-FFF2-40B4-BE49-F238E27FC236}">
                <a16:creationId xmlns:a16="http://schemas.microsoft.com/office/drawing/2014/main" id="{A7014897-7338-4F3A-9C47-B2FB0B4F0B7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886085" y="2924583"/>
            <a:ext cx="1685831" cy="166180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T_407b0b1619aa4ace81dd48f316b996d0_Title">
            <a:extLst>
              <a:ext uri="{FF2B5EF4-FFF2-40B4-BE49-F238E27FC236}">
                <a16:creationId xmlns:a16="http://schemas.microsoft.com/office/drawing/2014/main" id="{355CC3DD-DD6D-4940-8219-701830BED56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152931" y="2924583"/>
            <a:ext cx="1136175" cy="200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Biological databases</a:t>
            </a:r>
          </a:p>
        </p:txBody>
      </p:sp>
      <p:sp>
        <p:nvSpPr>
          <p:cNvPr id="52" name="OTLSHAPE_SLT_407b0b1619aa4ace81dd48f316b996d0_Shape">
            <a:extLst>
              <a:ext uri="{FF2B5EF4-FFF2-40B4-BE49-F238E27FC236}">
                <a16:creationId xmlns:a16="http://schemas.microsoft.com/office/drawing/2014/main" id="{D4954F26-3F60-45CD-8ED0-DEEBD53C36E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832506" y="3177854"/>
            <a:ext cx="4091680" cy="202135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T_407b0b1619aa4ace81dd48f316b996d0_Title">
            <a:extLst>
              <a:ext uri="{FF2B5EF4-FFF2-40B4-BE49-F238E27FC236}">
                <a16:creationId xmlns:a16="http://schemas.microsoft.com/office/drawing/2014/main" id="{5070D1E2-5141-491F-AFF1-59F9794AE80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088671" y="3183554"/>
            <a:ext cx="1147535" cy="2052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spc="-1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Research projec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OC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xLCJRdWlja1Bvc2l0aW9uIjozLCJBYnNvbHV0ZVBvc2l0aW9uIjoxMzUuODc0Nz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OTEsIkciOjE1NSwiQiI6MjEz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I1NSwiUiI6MjA4LCJHIjoyMDYsIkIiOjIwNn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xNjUsIkciOjE2NSwiQiI6MTY1fX0sIklzVmlzaWJsZSI6dHJ1ZSwiV2lkdGgiOjAuMCwiSGVpZ2h0IjoxNi4wLCJCb3JkZXJTdHlsZSI6eyIkaWQiOiIyMDYiLCJMaW5lQ29sb3IiOnsiJHJlZiI6IjEwOSJ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3MyJ9LCJJc1Zpc2libGUiOnRydWUsIldpZHRoIjowLjAsIkhlaWdodCI6MC4wLCJCb3JkZXJTdHlsZSI6bnVsbC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MzIiwiQWRkcmVzcyI6IiIsIlN1YkFkZHJlc3MiOiIifSwiSW1wb3J0SWQiOm51bGx9LHsiJGlkIjoiMjM0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yMzUiLCJUaXRsZVN0eWxlIjp7IiRpZCI6IjIzNiIsIkZvbnRTZXR0aW5ncyI6eyIkaWQiOiIyMzciLCJGb250U2l6ZSI6MTEsIkZvbnROYW1lIjoiQ2FsaWJyaSIsIklzQm9sZCI6dHJ1ZSwiSXNJdGFsaWMiOmZhbHNlLCJJc1VuZGVybGluZWQiOmZhbHNlLCJQYXJlbnRTdHlsZSI6bnVsbH0sIkF1dG9TaXplIjoyLCJGb3JlZ3JvdW5kIjp7IiRpZCI6IjIzOCIsIkNvbG9yIjp7IiRpZCI6IjIzOSIsIkEiOjI1NSwiUiI6MCwiRyI6MCwiQiI6MH19LCJNYXhXaWR0aCI6MTAwLjc3MzMzMzMzMzMzMzM0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QyIiwiTWFyZ2luIjp7IiRyZWYiOiIyMjcifSwiUGFkZGluZyI6eyIkcmVmIjoiMjI4In0sIkJhY2tncm91bmQiOnsiJGlkIjoiMjQzIiwiQ29sb3IiOnsiJGlkIjoiMjQ0IiwiQSI6MjU1LCJSIjoyNTUsIkciOjE5MiwiQiI6MH19LCJJc1Zpc2libGUiOnRydWUsIldpZHRoIjoxMy4wLCJIZWlnaHQiOjEz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I1NiIsIk1hcmdpbiI6eyIkcmVmIjoiMjI3In0sIlBhZGRpbmciOnsiJHJlZiI6IjIyOCJ9LCJCYWNrZ3JvdW5kIjp7IiRpZCI6IjI1NyIsIkNvbG9yIjp7IiRpZCI6IjI1OCIsIkEiOjI1NSwiUiI6MjU1LCJHIjoxOTIsIkIiOjB9fSwiSXNWaXNpYmxlIjp0cnVlLCJXaWR0aCI6MTMuMCwiSGVpZ2h0IjoxMy4wLCJCb3JkZXJTdHlsZSI6eyIkaWQiOiIyNTkiLCJMaW5lQ29sb3IiOm51bGwsIkxpbmVXZWlnaHQiOjAuMCwiTGluZVR5cGUiOjAsIlBhcmVudFN0eWxlIjpudWxsfSwiUGFyZW50U3R5bGUiOm51bGx9LCJEYXRlRm9ybWF0Ijp7IiRpZCI6Ij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QsIlNoYXBlU2l6ZSI6MSwiU2hhcGVTdHlsZSI6eyIkaWQiOiIyNzAiLCJNYXJnaW4iOnsiJHJlZiI6IjIyNyJ9LCJQYWRkaW5nIjp7IiRyZWYiOiIyMjgifSwiQmFja2dyb3VuZCI6eyIkaWQiOiIyNzEiLCJDb2xvciI6eyIkaWQiOiIyNzIiLCJBIjoyNTUsIlIiOjI1NSwiRyI6MTkyLCJCIjowfX0sIklzVmlzaWJsZSI6dHJ1ZSwiV2lkdGgiOjEzLjAsIkhlaWdodCI6MTM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yNzUiLCJBZGRyZXNzIjoiIiwiU3ViQWRkcmVzcyI6IiJ9LCJJbXBvcnRJZCI6bnVsbH0seyIkaWQiOiIyNzY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jc3IiwiVGl0bGVTdHlsZSI6eyIkaWQiOiIyNzgiLCJGb250U2V0dGluZ3MiOnsiJGlkIjoiMjc5IiwiRm9udFNpemUiOjExLCJGb250TmFtZSI6IkNhbGlicmkiLCJJc0JvbGQiOnRydWUsIklzSXRhbGljIjpmYWxzZSwiSXNVbmRlcmxpbmVkIjpmYWxzZSwiUGFyZW50U3R5bGUiOm51bGx9LCJBdXRvU2l6ZSI6MCwiRm9yZWdyb3VuZCI6eyIkaWQiOiIyODAiLCJDb2xvciI6eyIkaWQiOiIyO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g0IiwiTWFyZ2luIjp7IiRyZWYiOiIyMjcifSwiUGFkZGluZyI6eyIkcmVmIjoiMjI4In0sIkJhY2tncm91bmQiOnsiJGlkIjoiMjg1IiwiQ29sb3IiOnsiJGlkIjoiMjg2IiwiQSI6MjU1LCJSIjoyNTUsIkciOjE5MiwiQiI6MH19LCJJc1Zpc2libGUiOnRydWUsIldpZHRoIjoxMy4wLCJIZWlnaHQiOjEz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jg5IiwiQWRkcmVzcyI6IiIsIlN1YkFkZHJlc3MiOiIifSwiSW1wb3J0SWQiOm51bGx9LHsiJGlkIjoiMjkw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yOTEiLCJUaXRsZVN0eWxlIjp7IiRpZCI6IjI5MiIsIkZvbnRTZXR0aW5ncyI6eyIkaWQiOiIyOTMiLCJGb250U2l6ZSI6MTEsIkZvbnROYW1lIjoiQ2FsaWJyaSIsIklzQm9sZCI6dHJ1ZSwiSXNJdGFsaWMiOmZhbHNlLCJJc1VuZGVybGluZWQiOmZhbHNlLCJQYXJlbnRTdHlsZSI6bnVsbH0sIkF1dG9TaXplIjoyLCJGb3JlZ3JvdW5kIjp7IiRpZCI6IjI5NCIsIkNvbG9yIjp7IiRpZCI6IjI5NSIsIkEiOjI1NSwiUiI6MCwiRyI6MCwiQiI6MH19LCJNYXhXaWR0aCI6NzQuMzk2NjY2NjY2NjY2Njc1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0LCJTaGFwZVNpemUiOjEsIlNoYXBlU3R5bGUiOnsiJGlkIjoiMjk4IiwiTWFyZ2luIjp7IiRyZWYiOiIyMjcifSwiUGFkZGluZyI6eyIkcmVmIjoiMjI4In0sIkJhY2tncm91bmQiOnsiJGlkIjoiMjk5IiwiQ29sb3IiOnsiJGlkIjoiMzAwIiwiQSI6MjU1LCJSIjoyNTUsIkciOjE5MiwiQiI6MH19LCJJc1Zpc2libGUiOnRydWUsIldpZHRoIjoxMy4wLCJIZWlnaHQiOjEz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AzIiwiQWRkcmVzcyI6IiIsIlN1YkFkZHJlc3MiOiIifSwiSW1wb3J0SWQiOm51bGx9LHsiJGlkIjoiMzA0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MwNSI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xMiIsIk1hcmdpbiI6eyIkcmVmIjoiMjI3In0sIlBhZGRpbmciOnsiJHJlZiI6IjIyOCJ9LCJCYWNrZ3JvdW5kIjp7IiRpZCI6IjMxMyIsIkNvbG9yIjp7IiRpZCI6IjMxNCIsIkEiOjI1NSwiUiI6MjU1LCJHIjoxOTIsIkIiOjB9fSwiSXNWaXNpYmxlIjp0cnVlLCJXaWR0aCI6MTMuMCwiSGVpZ2h0IjoxMy4wLCJCb3JkZXJTdHlsZSI6eyIkaWQiOiIzMTUiLCJMaW5lQ29sb3IiOm51bGwsIkxpbmVXZWlnaHQiOjAuMCwiTGluZVR5cGUiOjAsIlBhcmVudFN0eWxlIjpudWxsfSwiUGFyZW50U3R5bGUiOm51bGx9LCJEYXRlRm9ybWF0Ijp7IiRpZCI6IjM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CwiU2hhcGVTaXplIjoxLCJTaGFwZVN0eWxlIjp7IiRpZCI6IjMyNiIsIk1hcmdpbiI6eyIkcmVmIjoiMjI3In0sIlBhZGRpbmciOnsiJHJlZiI6IjIyOCJ9LCJCYWNrZ3JvdW5kIjp7IiRpZCI6IjMyNyIsIkNvbG9yIjp7IiRpZCI6IjMyOCIsIkEiOjI1NSwiUiI6MjU1LCJHIjoxOTIsIkIiOjB9fSwiSXNWaXNpYmxlIjp0cnVlLCJXaWR0aCI6MTMuMCwiSGVpZ2h0IjoxMy4wLCJCb3JkZXJTdHlsZSI6eyIkaWQiOiIzMjkiLCJMaW5lQ29sb3IiOm51bGwsIkxpbmVXZWlnaHQiOjAuMCwiTGluZVR5cGUiOjAsIlBhcmVudFN0eWxlIjpudWxsfSwiUGFyZW50U3R5bGUiOm51bGx9LCJEYXRlRm9ybWF0Ijp7IiRpZCI6Ij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MzQ1IiwiTWFyZ2luIjp7IiRyZWYiOiIxODMifSwiUGFkZGluZyI6eyIkcmVmIjoiMTg0In0sIkJhY2tncm91bmQiOnsiJGlkIjoiMzQ2IiwiQ29sb3IiOnsiJGlkIjoiMzQ3IiwiQSI6MzgsIlIiOjExMiwiRyI6MTczLCJCIjo3MX19LCJJc1Zpc2libGUiOnRydWUsIldpZHRoIjowLjAsIkhlaWdodCI6MC4wLCJCb3JkZXJTdHlsZSI6eyIkaWQiOiIzNDgiLCJMaW5lQ29sb3IiOnsiJGlkIjoiMzQ5IiwiJHR5cGUiOiJOTFJFLkNvbW1vbi5Eb20uU29saWRDb2xvckJydXNoLCBOTFJFLkNvbW1vbiIsIkNvbG9yIjp7IiRpZCI6IjM1M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MzUxIiwiSWQiOiJhZWM5OGJhNC1kZjE4LTRjODgtODFhMC0xMWE4NmI0NmEzZDciLCJJbmRleCI6MCwiR3JvdXBJZCI6IjU2ZjVlMDA3LWE3ZmItNDBiNC1iYzU2LTNjNGM4ODI4NTJkZCIsIlRpdGxlIjoiU0VPIEF1ZGl0IiwiRGF0ZVRpbWUiOiIyMDE5LTAxLTEzVDIzOjU5OjAwWiIsIlBlcmNlbnRhZ2VDb21wbGV0ZSI6bnVsbCwiTm90ZSI6bnVsbCwiU3R5bGUiOnsiJGlkIjoiMzUyIi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AsIkciOjAsIkIiOjB9fSwiSXNWaXNpYmxlIjp0cnVlLCJXaWR0aCI6MC4wLCJIZWlnaHQiOjAuMCwiQm9yZGVyU3R5bGUiOm51bGw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czIiwiQWRkcmVzcyI6IiIsIlN1YkFkZHJlc3MiOiIifSwiSW1wb3J0SWQiOm51bGx9LHsiJGlkIjoiMzc0IiwiSWQiOiI3NTgyYzU0Yy02MGE0LTQ3ZDgtYjhlNy0xZWRmYjk4YWFmNDAiLCJJbmRleCI6MSwiR3JvdXBJZCI6IjU2ZjVlMDA3LWE3ZmItNDBiNC1iYzU2LTNjNGM4ODI4NTJkZCIsIlRpdGxlIjoiU0VPIE9wdGltaXphdGlvbiIsIkRhdGVUaW1lIjoiMjAxOS0wNC0xM1QyMzo1OTowMFoiLCJQZXJjZW50YWdlQ29tcGxldGUiOm51bGwsIk5vdGUiOm51bGwsIlN0eWxlIjp7IiRpZCI6IjM3NSI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MzU5In0sIklzVmlzaWJsZSI6dHJ1ZSwiV2lkdGgiOjAuMCwiSGVpZ2h0IjowLjAsIkJvcmRlclN0eWxlIjpudWxs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M4NCIsIlRvcCI6MCwiTGVmdCI6MCwiUmlnaHQiOjAsIkJvdHRvbSI6MH0sIlBhZGRpbmciOnsiJGlkIjoiMzg1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MzkzIiwiQWRkcmVzcyI6IiIsIlN1YkFkZHJlc3MiOiIifSwiSW1wb3J0SWQiOm51bGx9LHsiJGlkIjoiMzk0IiwiSWQiOiJjMDgzZGNiMi1jMTljLTRjMGEtOTY0Ni1iNTY2ZTE0MDA4MDkiLCJJbmRleCI6MiwiR3JvdXBJZCI6IjU2ZjVlMDA3LWE3ZmItNDBiNC1iYzU2LTNjNGM4ODI4NTJkZCIsIlRpdGxlIjoiU29jaWFsIE1lZGlhIENhbXBhaWduIiwiRGF0ZVRpbWUiOiIyMDE5LTA3LTEzVDIzOjU5OjAwWiIsIlBlcmNlbnRhZ2VDb21wbGV0ZSI6bnVsbCwiTm90ZSI6bnVsbCwiU3R5bGUiOnsiJGlkIjoiMzk1Ii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wMCIsIkZvbnRTZXR0aW5ncyI6eyIkaWQiOiI0MD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DIiLCJNYXJnaW4iOnsiJHJlZiI6IjIyNyJ9LCJQYWRkaW5nIjp7IiRyZWYiOiIyMjgifSwiQmFja2dyb3VuZCI6eyIkaWQiOiI0MDMiLCJDb2xvciI6eyIkaWQiOiI0MDQiLCJBIjoyNTUsIlIiOjExMiwiRyI6MTczLCJCIjo3MX19LCJJc1Zpc2libGUiOnRydWUsIldpZHRoIjoxMy4wLCJIZWlnaHQiOjEzLjAsIkJvcmRlclN0eWxlIjp7IiRpZCI6IjQwNSIsIkxpbmVDb2xvciI6bnVsbCwiTGluZVdlaWdodCI6MC4wLCJMaW5lVHlwZSI6MCwiUGFyZW50U3R5bGUiOm51bGx9LCJQYXJlbnRTdHlsZSI6bnVsbH0sIkRhdGVGb3JtYXQiOnsiJGlkIjoiN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A3IiwiQWRkcmVzcyI6IiIsIlN1YkFkZHJlc3MiOiIifSwiSW1wb3J0SWQiOm51bGx9LHsiJGlkIjoiNDA4IiwiSWQiOiI3MzE5MTM3Zi1kZjc5LTQ0MjctOWQ3OS1kMDM1MmNiZjJjOTMiLCJJbmRleCI6MywiR3JvdXBJZCI6IjU2ZjVlMDA3LWE3ZmItNDBiNC1iYzU2LTNjNGM4ODI4NTJkZCIsIlRpdGxlIjoiU0VPIFJldmlldyIsIkRhdGVUaW1lIjoiMjAxOS0xMC0xM1QyMzo1OTowMFoiLCJQZXJjZW50YWdlQ29tcGxldGUiOm51bGwsIk5vdGUiOm51bGwsIlN0eWxlIjp7IiRpZCI6IjQwOSIsIlRpdGx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E0IiwiRm9udFNldHRpbmdzIjp7IiRpZCI6IjQxNSIsIkZvbnRTaXplIjoxMCwiRm9udE5hbWUiOiJDYWxpYnJpIiwiSXNCb2xkIjpmYWxzZSwiSXNJdGFsaWMiOmZhbHNlLCJJc1VuZGVybGluZWQiOmZhbHNlLCJQYXJlbnRTdHlsZSI6bnVsbH0sIkF1dG9TaXplIjowLCJGb3JlZ3JvdW5kIjp7IiRpZCI6IjQxNiIsIkNvbG9yIjp7IiRpZCI6IjQxNy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QyOSIsIkZvbnRTZXR0aW5ncyI6eyIkaWQiOiI0M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sIlNoYXBlU2l6ZSI6MSwiU2hhcGVTdHlsZSI6eyIkaWQiOiI0MzEiLCJNYXJnaW4iOnsiJHJlZiI6IjIyNyJ9LCJQYWRkaW5nIjp7IiRyZWYiOiIyMjgifSwiQmFja2dyb3VuZCI6eyIkaWQiOiI0MzIiLCJDb2xvciI6eyIkaWQiOiI0MzMiLCJBIjoyNTUsIlIiOjExMiwiRyI6MTczLCJCIjo3MX19LCJJc1Zpc2libGUiOnRydWUsIldpZHRoIjoxMy4wLCJIZWlnaHQiOjEzLjAsIkJvcmRlclN0eWxlIjp7IiRpZCI6IjQzNCIsIkxpbmVDb2xvciI6bnVsbCwiTGluZVdlaWdodCI6MC4wLCJMaW5lVHlwZSI6MCwiUGFyZW50U3R5bGUiOm51bGx9LCJQYXJlbnRTdHlsZSI6bnVsbH0sIkRhdGVGb3JtYXQiOnsiJGlkIjoiN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M2IiwiQWRkcmVzcyI6IiIsIlN1YkFkZHJlc3MiOiIifSwiSW1wb3J0SWQiOm51bGx9LHsiJGlkIjoiNDM3IiwiSWQiOiIwNDViZWI5NS1kMDQwLTQ4N2UtYWY3Ny1iMzMxMWU1ZDIwZjAiLCJJbmRleCI6NSwiR3JvdXBJZCI6ImVjMDBlNGVkLTc4MzktNDNlOC04ZTkxLWFjY2UxYWU1MGEyMSIsIlRpdGxlIjoiQmxvZyBDYW1wYWlnbiIsIkRhdGVUaW1lIjoiMjAxOS0wNy0xM1QyMzo1OTowMFoiLCJQZXJjZW50YWdlQ29tcGxldGUiOm51bGwsIk5vdGUiOm51bGwsIlN0eWxlIjp7IiRpZCI6IjQzOCI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Q1IiwiTWFyZ2luIjp7IiRyZWYiOiIyMjcifSwiUGFkZGluZyI6eyIkcmVmIjoiMjI4In0sIkJhY2tncm91bmQiOnsiJGlkIjoiNDQ2IiwiQ29sb3IiOnsiJGlkIjoiNDQ3IiwiQSI6MjU1LCJSIjoxMTIsIkciOjE3MywiQiI6NzF9fSwiSXNWaXNpYmxlIjp0cnVlLCJXaWR0aCI6MTMuMCwiSGVpZ2h0IjoxMy4wLCJCb3JkZXJTdHlsZSI6eyIkaWQiOiI0NDgiLCJMaW5lQ29sb3IiOm51bGwsIkxpbmVXZWlnaHQiOjAuMCwiTGluZVR5cGUiOjAsIlBhcmVudFN0eWxlIjpudWxsfSwiUGFyZW50U3R5bGUiOm51bGx9LCJEYXRlRm9ybWF0Ijp7IiRpZCI6IjQ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zU5In0sIklzVmlzaWJsZSI6dHJ1ZSwiV2lkdGgiOjAuMCwiSGVpZ2h0IjowLjAsIkJvcmRlclN0eWxlIjpudWxsLCJQYXJlbnRTdHlsZSI6bnVsbH0sIkRhdGVTdHlsZSI6eyIkaWQiOiI0NTkiLCJGb250U2V0dGluZ3MiOnsiJGlkIjoiNDY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0OTIiLCJGb250U2V0dGluZ3MiOnsiJGlkIjoiNDk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LCJTaGFwZVNpemUiOjEsIlNoYXBlU3R5bGUiOnsiJGlkIjoiNDk0IiwiTWFyZ2luIjp7IiRyZWYiOiIyMjcifSwiUGFkZGluZyI6eyIkcmVmIjoiMjI4In0sIkJhY2tncm91bmQiOnsiJGlkIjoiNDk1IiwiQ29sb3IiOnsiJGlkIjoiNDk2IiwiQSI6MjU1LCJSIjoxMTIsIkciOjE3MywiQiI6NzF9fSwiSXNWaXNpYmxlIjp0cnVlLCJXaWR0aCI6MTMuMCwiSGVpZ2h0IjoxMy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UwNyIsIk1hcmdpbiI6eyIkcmVmIjoiMTczIn0sIlBhZGRpbmciOnsiJHJlZiI6IjE3NCJ9LCJCYWNrZ3JvdW5kIjp7IiRpZCI6IjUwOCIsIkNvbG9yIjp7IiRpZCI6IjUwOSIsIkEiOjI1NSwiUiI6OTEsIkciOjE1NSwiQiI6MjEzfX0sIklzVmlzaWJsZSI6ZmFsc2UsIldpZHRoIjowLjAsIkhlaWdodCI6MC4wLCJCb3JkZXJTdHlsZSI6eyIkaWQiOiI1MTAiLCJMaW5lQ29sb3IiOnsiJGlkIjoiNTExIiwiJHR5cGUiOiJOTFJFLkNvbW1vbi5Eb20uU29saWRDb2xvckJydXNoLCBOTFJFLkNvbW1vbiIsIkNvbG9yIjp7IiRpZCI6IjUxMiIsIkEiOjI1NSwiUiI6NiwiRyI6NCwiQiI6NX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1MTMiLCJNYXJnaW4iOnsiJHJlZiI6IjE4MyJ9LCJQYWRkaW5nIjp7IiRyZWYiOiIxODQifSwiQmFja2dyb3VuZCI6eyIkaWQiOiI1MTQiLCJDb2xvciI6eyIkaWQiOiI1MTUiLCJBIjozOCwiUiI6OTEsIkciOjE1NSwiQiI6MjEzfX0sIklzVmlzaWJsZSI6dHJ1ZSwiV2lkdGgiOjAuMCwiSGVpZ2h0IjowLjAsIkJvcmRlclN0eWxlIjp7IiRpZCI6IjUxNiIsIkxpbmVDb2xvciI6eyIkaWQiOiI1MTciLCIkdHlwZSI6Ik5MUkUuQ29tbW9uLkRvbS5Tb2xpZENvbG9yQnJ1c2gsIE5MUkUuQ29tbW9uIiwiQ29sb3IiOnsiJGlkIjoiNTE4IiwiQSI6MjU1LCJSIjoyMDgsIkciOjIwNiwiQiI6MjA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TcyIiwiQWRkcmVzcyI6IiIsIlN1YkFkZHJlc3MiOiIifSwiSW1wb3J0SWQiOm51bGx9LHsiJGlkIjoiNTczIiwiSWQiOiI2MGMwNmEwNi1mZGNlLTQzYTAtOTE5My1kZjcwYWI3NDVlMTUiLCJJbmRleCI6MjQsIkdyb3VwSWQiOiI2MTE1ZWI5NC01ZmFiLTRhMzctYTM1MS03ZTEzNGZmMTc3M2QiLCJUaXRsZSI6IllvdXR1YmUgQWRzIiwiRGF0ZVRpbWUiOiIyMDE5LTEwLTEzVDIzOjU5OjAwWiIsIlBlcmNlbnRhZ2VDb21wbGV0ZSI6bnVsbCwiTm90ZSI6bnVsbCwiU3R5bGUiOnsiJGlkIjoiNTc0Ii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U3OSIsIkZvbnRTZXR0aW5ncyI6eyIkaWQiOiI1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QsIlNoYXBlU2l6ZSI6MywiU2hhcGVTdHlsZSI6eyIkaWQiOiI1ODEiLCJNYXJnaW4iOnsiJHJlZiI6IjIyNyJ9LCJQYWRkaW5nIjp7IiRyZWYiOiIyMjgifSwiQmFja2dyb3VuZCI6eyIkaWQiOiI1ODIiLCJDb2xvciI6eyIkaWQiOiI1ODMiLCJBIjoyNTUsIlIiOjkxLCJHIjoxNTUsIkIiOjIxM319LCJJc1Zpc2libGUiOnRydWUsIldpZHRoIjoxMy45OTk3NjM0ODg3Njk1MzEsIkhlaWdodCI6MTYuMzMzMDcwNzU1MDA0ODgz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U4NiIsIkFkZHJlc3MiOiIiLCJTdWJBZGRyZXNzIjoiIn0sIkltcG9ydElkIjpudWxsfSx7IiRpZCI6IjU4Ny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NiIsIkFkZHJlc3MiOiIiLCJTdWJBZGRyZXNzIjoiIn0sIkltcG9ydElkIjpudWxsfSx7IiRpZCI6IjYwNy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YwOCIsIlRpdGxlU3R5bGUiOnsiJGlkIjoiNjA5IiwiRm9udFNldHRpbmdzIjp7IiRpZCI6IjYxMCIsIkZvbnRTaXplIjoxMSwiRm9udE5hbWUiOiJDYWxpYnJpIiwiSXNCb2xkIjp0cnVlLCJJc0l0YWxpYyI6ZmFsc2UsIklzVW5kZXJsaW5lZCI6ZmFsc2UsIlBhcmVudFN0eWxlIjpudWxsfSwiQXV0b1NpemUiOjIsIkZvcmVncm91bmQiOnsiJGlkIjoiNjExIiwiQ29sb3IiOnsiJGlkIjoiNjEyIiwiQSI6MjU1LCJSIjowLCJHIjowLCJCIjowfX0sIk1heFdpZHRoIjo5Mi41NDY2NjY2NjY2NjY2Njc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xNSIsIk1hcmdpbiI6eyIkcmVmIjoiMjI3In0sIlBhZGRpbmciOnsiJHJlZiI6IjIyOCJ9LCJCYWNrZ3JvdW5kIjp7IiRpZCI6IjYxNiIsIkNvbG9yIjp7IiRpZCI6IjYxNyIsIkEiOjI1NSwiUiI6OTEsIkciOjE1NSwiQiI6MjEzfX0sIklzVmlzaWJsZSI6dHJ1ZSwiV2lkdGgiOjEzLjk5OTc2MzQ4ODc2OTUzMSwiSGVpZ2h0IjoxNi4zMzMwNzA3NTUwMDQ4ODM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IwIiwiQWRkcmVzcyI6IiIsIlN1YkFkZHJlc3MiOiIifSwiSW1wb3J0SWQiOm51bGx9LHsiJGlkIjoiNjIx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2MjIiLCJUaXRsZVN0eWxlIjp7IiRpZCI6IjYyMyIsIkZvbnRTZXR0aW5ncyI6eyIkaWQiOiI2MjQiLCJGb250U2l6ZSI6MTEsIkZvbnROYW1lIjoiQ2FsaWJyaSIsIklzQm9sZCI6dHJ1ZSwiSXNJdGFsaWMiOmZhbHNlLCJJc1VuZGVybGluZWQiOmZhbHNlLCJQYXJlbnRTdHlsZSI6bnVsbH0sIkF1dG9TaXplIjoyLCJGb3JlZ3JvdW5kIjp7IiRpZCI6IjYyNSIsIkNvbG9yIjp7IiRpZCI6IjYyNiIsIkEiOjI1NSwiUiI6MCwiRyI6MCwiQiI6MH19LCJNYXhXaWR0aCI6NTEuODE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yOSIsIk1hcmdpbiI6eyIkcmVmIjoiMjI3In0sIlBhZGRpbmciOnsiJHJlZiI6IjIyOCJ9LCJCYWNrZ3JvdW5kIjp7IiRpZCI6IjYzMCIsIkNvbG9yIjp7IiRpZCI6IjYzMSIsIkEiOjI1NSwiUiI6OTEsIkciOjE1NSwiQiI6MjEzfX0sIklzVmlzaWJsZSI6dHJ1ZSwiV2lkdGgiOjEzLjk5OTc2MzQ4ODc2OTUzMSwiSGVpZ2h0IjoxNi4zMzMwNzA3NTUwMDQ4ODM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CwiU2hhcGVTaXplIjozLCJTaGFwZVN0eWxlIjp7IiRpZCI6IjY0MyIsIk1hcmdpbiI6eyIkcmVmIjoiMjI3In0sIlBhZGRpbmciOnsiJHJlZiI6IjIyOCJ9LCJCYWNrZ3JvdW5kIjp7IiRpZCI6IjY0NCIsIkNvbG9yIjp7IiRpZCI6IjY0NSIsIkEiOjI1NSwiUiI6OTEsIkciOjE1NSwiQiI6MjEzfX0sIklzVmlzaWJsZSI6dHJ1ZSwiV2lkdGgiOjEzLjk5OTc2MzQ4ODc2OTUzMSwiSGVpZ2h0IjoxNi4zMzMwNzA3NTUwMDQ4ODM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MTcsIlNoYXBlU2l6ZSI6MywiU2hhcGVTdHlsZSI6eyIkaWQiOiI2NzYiLCJNYXJnaW4iOnsiJHJlZiI6IjIyNyJ9LCJQYWRkaW5nIjp7IiRyZWYiOiIyMjgifSwiQmFja2dyb3VuZCI6eyIkaWQiOiI2NzciLCJDb2xvciI6eyIkaWQiOiI2NzgiLCJBIjoyNTUsIlIiOjIzNywiRyI6MTI1LCJCIjo0OX19LCJJc1Zpc2libGUiOnRydWUsIldpZHRoIjoxNy4wLCJIZWlnaHQiOjE3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jgxIiwiQWRkcmVzcyI6IiIsIlN1YkFkZHJlc3MiOiIifSwiSW1wb3J0SWQiOm51bGx9LHsiJGlkIjoiNjgyIiwiSWQiOiI4N2M5M2EzMS05YTY1LTQ0MWQtOGNjZS1jMDQzMzZhZjI3NzgiLCJJbmRleCI6MzEsIkdyb3VwSWQiOiJkNDc4MzY4Yi04Y2JkLTQ4ZmItYjE2Zi0wMDRkZDkzNzIxNDciLCJUaXRsZSI6IkFjY2VzcyBGaXJld2FsbCBJbnRlZ3JhdGlvbiIsIkRhdGVUaW1lIjoiMjAxOS0wNy0xM1QyMzo1OTowMFoiLCJQZXJjZW50YWdlQ29tcGxldGUiOm51bGwsIk5vdGUiOm51bGwsIlN0eWxlIjp7IiRpZCI6IjY4MyI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Y5MCIsIk1hcmdpbiI6eyIkcmVmIjoiMjI3In0sIlBhZGRpbmciOnsiJHJlZiI6IjIyOCJ9LCJCYWNrZ3JvdW5kIjp7IiRpZCI6IjY5MSIsIkNvbG9yIjp7IiRpZCI6IjY5MiIsIkEiOjI1NSwiUiI6MjM3LCJHIjoxMjUsIkIiOjQ5fX0sIklzVmlzaWJsZSI6dHJ1ZSwiV2lkdGgiOjE3LjAsIkhlaWdodCI6MTc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E3LCJTaGFwZVNpemUiOjMsIlNoYXBlU3R5bGUiOnsiJGlkIjoiNzA2IiwiTWFyZ2luIjp7IiRyZWYiOiIyMjcifSwiUGFkZGluZyI6eyIkcmVmIjoiMjI4In0sIkJhY2tncm91bmQiOnsiJGlkIjoiNzA3IiwiQ29sb3IiOnsiJGlkIjoiNzA4IiwiQSI6MjU1LCJSIjoyMzcsIkciOjEyNSwiQiI6NDl9fSwiSXNWaXNpYmxlIjp0cnVlLCJXaWR0aCI6MTcuMCwiSGVpZ2h0IjoxNy4wLCJCb3JkZXJTdHlsZSI6eyIkaWQiOiI3MDkiLCJMaW5lQ29sb3IiOm51bGwsIkxpbmVXZWlnaHQiOjAuMCwiTGluZVR5cGUiOjAsIlBhcmVudFN0eWxlIjpudWxsfSwiUGFyZW50U3R5bGUiOm51bGx9LCJEYXRlRm9ybWF0Ijp7IiRpZCI6Ijc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AifSwiUGFkZGluZyI6eyIkcmVmIjoiMjIxIn0sIkJhY2tncm91bmQiOnsiJHJlZiI6IjczIn0sIklzVmlzaWJsZSI6dHJ1ZSwiV2lkdGgiOjAuMCwiSGVpZ2h0IjowLjAsIkJvcmRlclN0eWxlIjpudWxsLCJQYXJlbnRTdHlsZSI6bnVsbH0sIkRhdGVTdHlsZSI6eyIkaWQiOiI3MTgiLCJGb250U2V0dGluZ3MiOnsiJGlkIjoiNz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zMzIiwiTWFyZ2luIjp7IiRyZWYiOiIxNzMifSwiUGFkZGluZyI6eyIkcmVmIjoiMTc0In0sIkJhY2tncm91bmQiOnsiJGlkIjoiNzM0IiwiQ29sb3IiOnsiJGlkIjoiNzM1IiwiQSI6MjU1LCJSIjoxNjUsIkciOjE2NSwiQiI6MTY1fX0sIklzVmlzaWJsZSI6ZmFsc2UsIldpZHRoIjowLjAsIkhlaWdodCI6MC4wLCJCb3JkZXJTdHlsZSI6eyIkaWQiOiI3MzYiLCJMaW5lQ29sb3IiOnsiJGlkIjoiNzM3IiwiJHR5cGUiOiJOTFJFLkNvbW1vbi5Eb20uU29saWRDb2xvckJydXNoLCBOTFJFLkNvbW1vbiIsIkNvbG9yIjp7IiRpZCI6IjczOCIsIkEiOjI1NSwiUiI6NTEsIkciOjMwLCJCIjoyOH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MCJ9LCJQYWRkaW5nIjp7IiRyZWYiOiIyMjEifSwiQmFja2dyb3VuZCI6eyIkcmVmIjoiNzMifSwiSXNWaXNpYmxlIjp0cnVlLCJXaWR0aCI6MC4wLCJIZWlnaHQiOjAuMCwiQm9yZGVyU3R5bGUiOm51bGwsIlBhcmVudFN0eWxlIjpudWxsfSwiRGF0ZVN0eWxlIjp7IiRpZCI6Ijc1MSIsIkZvbnRTZXR0aW5ncyI6eyIkaWQiOiI3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NTMiLCJNYXJnaW4iOnsiJHJlZiI6IjIyNyJ9LCJQYWRkaW5nIjp7IiRyZWYiOiIyMjgifSwiQmFja2dyb3VuZCI6eyIkaWQiOiI3NTQiLCJDb2xvciI6eyIkaWQiOiI3NTUiLCJBIjoyNTUsIlIiOjE2NSwiRyI6MTY1LCJCIjoxNjV9fSwiSXNWaXNpYmxlIjp0cnVlLCJXaWR0aCI6MTMuMCwiSGVpZ2h0IjoxMy4wLCJCb3JkZXJTdHlsZSI6eyIkaWQiOiI3NTYiLCJMaW5lQ29sb3IiOm51bGwsIkxpbmVXZWlnaHQiOjAuMCwiTGluZVR5cGUiOjAsIlBhcmVudFN0eWxlIjpudWxsfSwiUGFyZW50U3R5bGUiOm51bGx9LCJEYXRlRm9ybWF0Ijp7IiRpZCI6Ijc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Y1IiwiRm9udFNldHRpbmdzIjp7IiRpZCI6Ijc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yIiwiQWRkcmVzcyI6IiIsIlN1YkFkZHJlc3MiOiIifSwiSW1wb3J0SWQiOm51bGx9LHsiJGlkIjoiNzczIiwiSWQiOiIxOGI0ODA1Ni03MGM1LTRiYWYtYmE1NC04ZjcwYzE5YTQ2MDQiLCJJbmRleCI6MzcsIkdyb3VwSWQiOiIxMjAxYzVmYi1kMjA3LTQyYTQtYWIzNy0yYjFiOTkzZjJlM2MiLCJUaXRsZSI6IkF1dG9tYXRlZCBUZXN0aW5nIiwiRGF0ZVRpbWUiOiIyMDE5LTEwLTEzVDIzOjU5OjAwIiwiUGVyY2VudGFnZUNvbXBsZXRlIjpudWxsLCJOb3RlIjpudWxsLCJTdHlsZSI6eyIkaWQiOiI3NzQi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wIn0sIlBhZGRpbmciOnsiJHJlZiI6IjIyMSJ9LCJCYWNrZ3JvdW5kIjp7IiRyZWYiOiI3MyJ9LCJJc1Zpc2libGUiOnRydWUsIldpZHRoIjowLjAsIkhlaWdodCI6MC4wLCJCb3JkZXJTdHlsZSI6bnVsbC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4OCIsIkFkZHJlc3MiOiIiLCJTdWJBZGRyZXNzIjoiIn0sIkltcG9ydElkIjpudWxsfV19XSwiTXNQcm9qZWN0SXRlbXNUcmVlIjp7IiRpZCI6Ijc4OSIsIlJvb3QiOnsiSW1wb3J0SWQiOm51bGwsIklzSW1wb3J0ZWQiOmZhbHNlLCJDaGlsZHJlbiI6W119fSwiTWV0YWRhdGEiOnsiJGlkIjoiNzkwIiwiUmVjZW50Q29sb3JzQ29sbGVjdGlvbiI6IltdIn0sIlNldHRpbmdzIjp7IiRpZCI6Ijc5MSIsIkltcGFPcHRpb25zIjp7IiRpZCI6Ijc5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5My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6</Words>
  <Application>Microsoft Office PowerPoint</Application>
  <PresentationFormat>Widescreen</PresentationFormat>
  <Paragraphs>2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MV Boli</vt:lpstr>
      <vt:lpstr>Segoe UI</vt:lpstr>
      <vt:lpstr>2_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1-10-06T09:19:28Z</dcterms:modified>
</cp:coreProperties>
</file>